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1E8F55A8" w14:textId="29931659" w:rsidR="001D3218" w:rsidRPr="00F04709" w:rsidRDefault="001D3218" w:rsidP="00E14D29">
      <w:pPr>
        <w:tabs>
          <w:tab w:val="left" w:pos="6521"/>
        </w:tabs>
        <w:jc w:val="both"/>
        <w:rPr>
          <w:b/>
          <w:bCs/>
          <w:i/>
          <w:iCs/>
        </w:rPr>
      </w:pPr>
      <w:r w:rsidRPr="00F04709">
        <w:rPr>
          <w:i/>
          <w:iCs/>
        </w:rPr>
        <w:t xml:space="preserve">(Anexo de Endossos em Preto da Cédula de Crédito </w:t>
      </w:r>
      <w:r w:rsidR="004437BA">
        <w:rPr>
          <w:i/>
          <w:iCs/>
        </w:rPr>
        <w:t>I</w:t>
      </w:r>
      <w:r w:rsidR="004437BA" w:rsidRPr="004437BA">
        <w:rPr>
          <w:i/>
          <w:iCs/>
        </w:rPr>
        <w:t>mobiliário</w:t>
      </w:r>
      <w:r w:rsidRPr="00F04709">
        <w:rPr>
          <w:i/>
          <w:iCs/>
        </w:rPr>
        <w:t xml:space="preserve"> </w:t>
      </w:r>
      <w:r w:rsidR="00E14D29">
        <w:rPr>
          <w:i/>
          <w:iCs/>
        </w:rPr>
        <w:t xml:space="preserve">nº </w:t>
      </w:r>
      <w:proofErr w:type="spellStart"/>
      <w:r w:rsidR="004437BA" w:rsidRPr="004437BA">
        <w:rPr>
          <w:i/>
          <w:iCs/>
        </w:rPr>
        <w:t>numeroCCI</w:t>
      </w:r>
      <w:proofErr w:type="spellEnd"/>
      <w:r w:rsidRPr="00F04709">
        <w:rPr>
          <w:i/>
          <w:iCs/>
        </w:rPr>
        <w:t xml:space="preserve"> (“</w:t>
      </w:r>
      <w:r w:rsidR="004437BA" w:rsidRPr="004437BA">
        <w:rPr>
          <w:i/>
          <w:iCs/>
          <w:u w:val="single"/>
        </w:rPr>
        <w:t>CCI</w:t>
      </w:r>
      <w:r w:rsidRPr="00F04709">
        <w:rPr>
          <w:i/>
          <w:iCs/>
        </w:rPr>
        <w:t>”), emitida em</w:t>
      </w:r>
      <w:r w:rsidR="0093679E">
        <w:rPr>
          <w:i/>
          <w:iCs/>
        </w:rPr>
        <w:t xml:space="preserve"> </w:t>
      </w:r>
      <w:r w:rsidR="006C295F" w:rsidRPr="006C295F">
        <w:rPr>
          <w:i/>
          <w:iCs/>
        </w:rPr>
        <w:t>emissaoData</w:t>
      </w:r>
      <w:bookmarkStart w:id="0" w:name="_GoBack"/>
      <w:bookmarkEnd w:id="0"/>
      <w:r w:rsidRPr="00F04709">
        <w:rPr>
          <w:i/>
          <w:iCs/>
        </w:rPr>
        <w:t>, por</w:t>
      </w:r>
      <w:r w:rsidR="00753AFC">
        <w:rPr>
          <w:i/>
          <w:iCs/>
        </w:rPr>
        <w:t xml:space="preserve"> </w:t>
      </w:r>
      <w:proofErr w:type="spellStart"/>
      <w:r w:rsidR="004437BA" w:rsidRPr="004437BA">
        <w:rPr>
          <w:i/>
          <w:iCs/>
        </w:rPr>
        <w:t>nomeEmitente</w:t>
      </w:r>
      <w:proofErr w:type="spellEnd"/>
      <w:r w:rsidR="00685AE2">
        <w:rPr>
          <w:i/>
          <w:iCs/>
        </w:rPr>
        <w:t>, inscrito(a) no C</w:t>
      </w:r>
      <w:r w:rsidR="00C226E5">
        <w:rPr>
          <w:i/>
          <w:iCs/>
        </w:rPr>
        <w:t>PF</w:t>
      </w:r>
      <w:r w:rsidR="00685AE2">
        <w:rPr>
          <w:i/>
          <w:iCs/>
        </w:rPr>
        <w:t>/M</w:t>
      </w:r>
      <w:r w:rsidR="00D876EF">
        <w:rPr>
          <w:i/>
          <w:iCs/>
        </w:rPr>
        <w:t>F</w:t>
      </w:r>
      <w:r w:rsidRPr="00F04709">
        <w:rPr>
          <w:i/>
          <w:iCs/>
        </w:rPr>
        <w:t xml:space="preserve"> sob o nº</w:t>
      </w:r>
      <w:r w:rsidR="0093679E">
        <w:rPr>
          <w:i/>
          <w:iCs/>
        </w:rPr>
        <w:t xml:space="preserve"> </w:t>
      </w:r>
      <w:r w:rsidR="003A14D0" w:rsidRPr="003A14D0">
        <w:rPr>
          <w:i/>
          <w:iCs/>
        </w:rPr>
        <w:t>cpfEmitente</w:t>
      </w:r>
      <w:r w:rsidRPr="00F04709">
        <w:rPr>
          <w:i/>
          <w:iCs/>
        </w:rPr>
        <w:t xml:space="preserve">, em favor de BMP MONEY PLUS SOCIEDADE DE CRÉDITO DIRETO S.A., inscrita no CNPJ/ME sob nº 34.337.707/0001-00, a qual foi cedida em </w:t>
      </w:r>
      <w:r w:rsidR="00AC5B47">
        <w:rPr>
          <w:i/>
          <w:iCs/>
        </w:rPr>
        <w:t>30</w:t>
      </w:r>
      <w:r w:rsidR="00836821">
        <w:rPr>
          <w:i/>
          <w:iCs/>
        </w:rPr>
        <w:t>/0</w:t>
      </w:r>
      <w:r w:rsidR="009B5240">
        <w:rPr>
          <w:i/>
          <w:iCs/>
        </w:rPr>
        <w:t>8</w:t>
      </w:r>
      <w:r w:rsidR="00BB2F33">
        <w:rPr>
          <w:i/>
          <w:iCs/>
        </w:rPr>
        <w:t>/202</w:t>
      </w:r>
      <w:r w:rsidR="00AC5B47">
        <w:rPr>
          <w:i/>
          <w:iCs/>
        </w:rPr>
        <w:t>1</w:t>
      </w:r>
      <w:r w:rsidRPr="00F04709">
        <w:rPr>
          <w:i/>
          <w:iCs/>
        </w:rPr>
        <w:t xml:space="preserve"> para a </w:t>
      </w:r>
      <w:proofErr w:type="spellStart"/>
      <w:r w:rsidRPr="00F04709">
        <w:rPr>
          <w:i/>
          <w:iCs/>
        </w:rPr>
        <w:t>Galleria</w:t>
      </w:r>
      <w:proofErr w:type="spellEnd"/>
      <w:r w:rsidRPr="00F04709">
        <w:rPr>
          <w:i/>
          <w:iCs/>
        </w:rPr>
        <w:t xml:space="preserve"> Finanças </w:t>
      </w:r>
      <w:proofErr w:type="spellStart"/>
      <w:r w:rsidRPr="00F04709">
        <w:rPr>
          <w:i/>
          <w:iCs/>
        </w:rPr>
        <w:t>Securitizadora</w:t>
      </w:r>
      <w:proofErr w:type="spellEnd"/>
      <w:r w:rsidRPr="00F04709">
        <w:rPr>
          <w:i/>
          <w:iCs/>
        </w:rPr>
        <w:t xml:space="preserve"> S/A, inscrita no CNPJ/ME sob o nº 34.425.347/0001-06)</w:t>
      </w:r>
    </w:p>
    <w:p w14:paraId="7BD5DC2E" w14:textId="77777777" w:rsidR="001D3218" w:rsidRDefault="001D3218" w:rsidP="00E14D29">
      <w:pPr>
        <w:tabs>
          <w:tab w:val="left" w:pos="6521"/>
        </w:tabs>
        <w:jc w:val="center"/>
        <w:rPr>
          <w:b/>
          <w:bCs/>
        </w:rPr>
      </w:pPr>
    </w:p>
    <w:p w14:paraId="566CBBDB" w14:textId="77777777" w:rsidR="001D3218" w:rsidRDefault="001D3218" w:rsidP="00E14D29">
      <w:pPr>
        <w:tabs>
          <w:tab w:val="left" w:pos="6521"/>
        </w:tabs>
        <w:jc w:val="center"/>
        <w:rPr>
          <w:b/>
          <w:bCs/>
        </w:rPr>
      </w:pPr>
      <w:r w:rsidRPr="000971B0">
        <w:rPr>
          <w:b/>
          <w:bCs/>
        </w:rPr>
        <w:t>ENDOSSO</w:t>
      </w:r>
      <w:r>
        <w:rPr>
          <w:b/>
          <w:bCs/>
        </w:rPr>
        <w:t>S</w:t>
      </w:r>
      <w:r w:rsidRPr="000971B0">
        <w:rPr>
          <w:b/>
          <w:bCs/>
        </w:rPr>
        <w:t xml:space="preserve"> EM PRETO</w:t>
      </w:r>
    </w:p>
    <w:p w14:paraId="246FB72C" w14:textId="77777777" w:rsidR="001D3218" w:rsidRPr="000971B0" w:rsidRDefault="001D3218" w:rsidP="00E14D29">
      <w:pPr>
        <w:tabs>
          <w:tab w:val="left" w:pos="6521"/>
        </w:tabs>
        <w:jc w:val="center"/>
        <w:rPr>
          <w:b/>
          <w:bCs/>
        </w:rPr>
      </w:pPr>
    </w:p>
    <w:p w14:paraId="6CD2DB10" w14:textId="39EAFAEE" w:rsidR="001D3218" w:rsidRDefault="001D3218" w:rsidP="00172CA5">
      <w:pPr>
        <w:pStyle w:val="PargrafodaLista"/>
        <w:numPr>
          <w:ilvl w:val="0"/>
          <w:numId w:val="1"/>
        </w:numPr>
        <w:tabs>
          <w:tab w:val="left" w:pos="6521"/>
        </w:tabs>
        <w:jc w:val="both"/>
      </w:pPr>
      <w:r w:rsidRPr="006F0964">
        <w:t xml:space="preserve">A </w:t>
      </w:r>
      <w:r w:rsidRPr="00E54F49">
        <w:t>BMP MONEY PLUS SOCIEDADE DE CRÉDITO DIRETO S.A., inscrita no CNPJ/ME sob nº 34.337.707/0001-00</w:t>
      </w:r>
      <w:r w:rsidRPr="006F0964">
        <w:t xml:space="preserve">, neste ato representada na forma de seu estatuto social, </w:t>
      </w:r>
      <w:r w:rsidRPr="00E54F49">
        <w:rPr>
          <w:b/>
          <w:bCs/>
        </w:rPr>
        <w:t>endossa “em preto”</w:t>
      </w:r>
      <w:r w:rsidR="004437BA">
        <w:t>, sem garantia, a presente CCI</w:t>
      </w:r>
      <w:r w:rsidRPr="006F0964">
        <w:t xml:space="preserve"> para </w:t>
      </w:r>
      <w:r>
        <w:t>a</w:t>
      </w:r>
      <w:r w:rsidRPr="006F0964">
        <w:t xml:space="preserve"> GALLERIA FINANÇAS SECURITIZADORA S/A, inscrita no CNPJ/ME sob o nº 34.425.347/0001-06.</w:t>
      </w:r>
    </w:p>
    <w:p w14:paraId="702AEAF9" w14:textId="77777777" w:rsidR="001D3218" w:rsidRDefault="001D3218" w:rsidP="00E14D29">
      <w:pPr>
        <w:tabs>
          <w:tab w:val="left" w:pos="6521"/>
        </w:tabs>
        <w:jc w:val="both"/>
      </w:pPr>
    </w:p>
    <w:p w14:paraId="39853D88" w14:textId="72CC2191" w:rsidR="001D3218" w:rsidRDefault="001D3218" w:rsidP="00E14D29">
      <w:pPr>
        <w:tabs>
          <w:tab w:val="left" w:pos="6521"/>
        </w:tabs>
        <w:jc w:val="center"/>
      </w:pPr>
      <w:r>
        <w:t>São Paulo</w:t>
      </w:r>
      <w:r w:rsidRPr="006F0964">
        <w:t xml:space="preserve">, </w:t>
      </w:r>
      <w:proofErr w:type="spellStart"/>
      <w:r w:rsidR="006C295F" w:rsidRPr="006C295F">
        <w:t>emissaoData</w:t>
      </w:r>
      <w:proofErr w:type="spellEnd"/>
    </w:p>
    <w:p w14:paraId="4796539C" w14:textId="77777777" w:rsidR="001D3218" w:rsidRDefault="001D3218" w:rsidP="00E14D29">
      <w:pPr>
        <w:tabs>
          <w:tab w:val="left" w:pos="6521"/>
        </w:tabs>
        <w:jc w:val="center"/>
      </w:pPr>
    </w:p>
    <w:p w14:paraId="6D127344" w14:textId="77777777" w:rsidR="001D3218" w:rsidRDefault="001D3218" w:rsidP="00E14D29">
      <w:pPr>
        <w:tabs>
          <w:tab w:val="left" w:pos="6521"/>
        </w:tabs>
        <w:jc w:val="center"/>
      </w:pPr>
    </w:p>
    <w:p w14:paraId="77DCF19C" w14:textId="77777777" w:rsidR="001D3218" w:rsidRDefault="001D3218" w:rsidP="00E14D29">
      <w:pPr>
        <w:tabs>
          <w:tab w:val="left" w:pos="6521"/>
        </w:tabs>
        <w:jc w:val="center"/>
      </w:pPr>
      <w:r w:rsidRPr="006F0964">
        <w:t>_______________________________________</w:t>
      </w:r>
    </w:p>
    <w:p w14:paraId="722DDBE3" w14:textId="77777777" w:rsidR="001D3218" w:rsidRDefault="001D3218" w:rsidP="00E14D29">
      <w:pPr>
        <w:tabs>
          <w:tab w:val="left" w:pos="6521"/>
        </w:tabs>
        <w:jc w:val="center"/>
      </w:pPr>
      <w:r w:rsidRPr="00E54F49">
        <w:rPr>
          <w:b/>
          <w:bCs/>
        </w:rPr>
        <w:t>BMP MONEY PLUS SOCIEDADE DE CRÉDITO DIRETO S.A.</w:t>
      </w:r>
    </w:p>
    <w:p w14:paraId="64599B28" w14:textId="77777777" w:rsidR="001D3218" w:rsidRDefault="001D3218" w:rsidP="00E14D29">
      <w:pPr>
        <w:pStyle w:val="PargrafodaLista"/>
        <w:tabs>
          <w:tab w:val="left" w:pos="6521"/>
        </w:tabs>
        <w:jc w:val="both"/>
      </w:pPr>
    </w:p>
    <w:p w14:paraId="5CA24BEF" w14:textId="77777777" w:rsidR="001D3218" w:rsidRDefault="001D3218" w:rsidP="00E14D29">
      <w:pPr>
        <w:pStyle w:val="PargrafodaLista"/>
        <w:tabs>
          <w:tab w:val="left" w:pos="6521"/>
        </w:tabs>
        <w:jc w:val="both"/>
      </w:pPr>
    </w:p>
    <w:p w14:paraId="5947FA12" w14:textId="4C0FFE94" w:rsidR="001D3218" w:rsidRDefault="001D3218" w:rsidP="004437BA">
      <w:pPr>
        <w:pStyle w:val="PargrafodaLista"/>
        <w:numPr>
          <w:ilvl w:val="0"/>
          <w:numId w:val="1"/>
        </w:numPr>
        <w:tabs>
          <w:tab w:val="left" w:pos="6521"/>
        </w:tabs>
        <w:jc w:val="both"/>
      </w:pPr>
      <w:r w:rsidRPr="006F0964">
        <w:t xml:space="preserve">A GALLERIA FINANÇAS SECURITIZADORA S/A, inscrita no CNPJ/ME sob o nº 34.425.347/0001-06, neste ato representada na forma de seu estatuto social, </w:t>
      </w:r>
      <w:r w:rsidRPr="00E54F49">
        <w:rPr>
          <w:b/>
          <w:bCs/>
        </w:rPr>
        <w:t>endossa “em preto”</w:t>
      </w:r>
      <w:r w:rsidRPr="006F0964">
        <w:t xml:space="preserve">, sem garantia, a presente </w:t>
      </w:r>
      <w:r w:rsidR="004437BA" w:rsidRPr="004437BA">
        <w:t>CCI</w:t>
      </w:r>
      <w:r w:rsidRPr="006F0964">
        <w:t xml:space="preserve"> para o </w:t>
      </w:r>
      <w:r w:rsidR="00D951FA" w:rsidRPr="00D951FA">
        <w:t>GALLERIA HOME EQUITY FIDC</w:t>
      </w:r>
      <w:r w:rsidRPr="006F0964">
        <w:t>, inscrito no CNPJ/ME sob o nº 37.294.759/0001-34.</w:t>
      </w:r>
    </w:p>
    <w:p w14:paraId="3951741C" w14:textId="77777777" w:rsidR="001D3218" w:rsidRDefault="001D3218" w:rsidP="001D3218">
      <w:pPr>
        <w:jc w:val="both"/>
      </w:pPr>
    </w:p>
    <w:p w14:paraId="04E01B69" w14:textId="03B5F128" w:rsidR="001D3218" w:rsidRDefault="001D3218" w:rsidP="001D3218">
      <w:pPr>
        <w:jc w:val="center"/>
      </w:pPr>
      <w:r w:rsidRPr="006F0964">
        <w:t xml:space="preserve">Campinas, </w:t>
      </w:r>
      <w:proofErr w:type="spellStart"/>
      <w:r w:rsidR="006C295F" w:rsidRPr="006C295F">
        <w:t>emissaoData</w:t>
      </w:r>
      <w:proofErr w:type="spellEnd"/>
    </w:p>
    <w:p w14:paraId="24883854" w14:textId="77777777" w:rsidR="001D3218" w:rsidRDefault="001D3218" w:rsidP="001D3218">
      <w:pPr>
        <w:jc w:val="center"/>
      </w:pPr>
    </w:p>
    <w:p w14:paraId="18E5B64D" w14:textId="77777777" w:rsidR="001D3218" w:rsidRDefault="001D3218" w:rsidP="001D3218">
      <w:pPr>
        <w:jc w:val="center"/>
      </w:pPr>
    </w:p>
    <w:p w14:paraId="3F8F5BE6" w14:textId="77777777" w:rsidR="001D3218" w:rsidRDefault="001D3218" w:rsidP="001D3218">
      <w:pPr>
        <w:jc w:val="center"/>
      </w:pPr>
      <w:r w:rsidRPr="006F0964">
        <w:t>_______________________________________</w:t>
      </w:r>
    </w:p>
    <w:p w14:paraId="79C55BAC" w14:textId="77777777" w:rsidR="001D3218" w:rsidRPr="006F0964" w:rsidRDefault="001D3218" w:rsidP="001D3218">
      <w:pPr>
        <w:jc w:val="center"/>
      </w:pPr>
      <w:r w:rsidRPr="006F0964">
        <w:rPr>
          <w:b/>
          <w:bCs/>
        </w:rPr>
        <w:t>GALLERIA FINANÇAS SECURITIZADORA S/A</w:t>
      </w:r>
    </w:p>
    <w:p w14:paraId="235ABC83" w14:textId="77777777" w:rsidR="001D3218" w:rsidRDefault="001D3218" w:rsidP="001D3218"/>
    <w:p w14:paraId="06291F33" w14:textId="77777777" w:rsidR="006B105A" w:rsidRDefault="006B105A" w:rsidP="001D3218">
      <w:pPr>
        <w:jc w:val="both"/>
      </w:pPr>
    </w:p>
    <w:p w14:paraId="729EA7E3" w14:textId="77777777" w:rsidR="006B105A" w:rsidRDefault="006B105A" w:rsidP="001D3218">
      <w:pPr>
        <w:jc w:val="both"/>
      </w:pPr>
    </w:p>
    <w:p w14:paraId="4B9BB0CA" w14:textId="77777777" w:rsidR="006B105A" w:rsidRDefault="006B105A" w:rsidP="001D3218">
      <w:pPr>
        <w:jc w:val="both"/>
      </w:pPr>
    </w:p>
    <w:p w14:paraId="2EDA2301" w14:textId="77777777" w:rsidR="006B105A" w:rsidRDefault="006B105A" w:rsidP="001D3218">
      <w:pPr>
        <w:jc w:val="both"/>
      </w:pPr>
    </w:p>
    <w:p w14:paraId="017DAD3E" w14:textId="77777777" w:rsidR="006B105A" w:rsidRDefault="006B105A" w:rsidP="001D3218">
      <w:pPr>
        <w:jc w:val="both"/>
      </w:pPr>
    </w:p>
    <w:p w14:paraId="4D6BC8C3" w14:textId="77777777" w:rsidR="006B105A" w:rsidRDefault="006B105A" w:rsidP="001D3218">
      <w:pPr>
        <w:jc w:val="both"/>
      </w:pPr>
    </w:p>
    <w:p w14:paraId="3B01C53F" w14:textId="77777777" w:rsidR="006B105A" w:rsidRDefault="006B105A" w:rsidP="001D3218">
      <w:pPr>
        <w:jc w:val="both"/>
      </w:pPr>
    </w:p>
    <w:p w14:paraId="4DF8D01D" w14:textId="77777777" w:rsidR="006B105A" w:rsidRDefault="006B105A" w:rsidP="001D3218">
      <w:pPr>
        <w:jc w:val="both"/>
      </w:pPr>
    </w:p>
    <w:p w14:paraId="1E48A77A" w14:textId="77777777" w:rsidR="004D0341" w:rsidRDefault="004D0341" w:rsidP="001D3218">
      <w:pPr>
        <w:jc w:val="both"/>
      </w:pPr>
    </w:p>
    <w:p w14:paraId="5587E2DC" w14:textId="77777777" w:rsidR="009C372D" w:rsidRDefault="009C372D" w:rsidP="001D3218">
      <w:pPr>
        <w:jc w:val="both"/>
      </w:pPr>
    </w:p>
    <w:p w14:paraId="591706BC" w14:textId="77777777" w:rsidR="009C372D" w:rsidRDefault="009C372D" w:rsidP="001D3218">
      <w:pPr>
        <w:jc w:val="both"/>
      </w:pPr>
    </w:p>
    <w:p w14:paraId="636A3AF4" w14:textId="77777777" w:rsidR="009C372D" w:rsidRDefault="009C372D" w:rsidP="001D3218">
      <w:pPr>
        <w:jc w:val="both"/>
      </w:pPr>
    </w:p>
    <w:p w14:paraId="7D64889D" w14:textId="77777777" w:rsidR="009C372D" w:rsidRDefault="009C372D" w:rsidP="001D3218">
      <w:pPr>
        <w:jc w:val="both"/>
      </w:pPr>
    </w:p>
    <w:p w14:paraId="14D9F768" w14:textId="77777777" w:rsidR="009C372D" w:rsidRDefault="009C372D" w:rsidP="001D3218">
      <w:pPr>
        <w:jc w:val="both"/>
      </w:pPr>
    </w:p>
    <w:p w14:paraId="08F51ABD" w14:textId="77777777" w:rsidR="009C372D" w:rsidRDefault="009C372D" w:rsidP="001D3218">
      <w:pPr>
        <w:jc w:val="both"/>
      </w:pPr>
    </w:p>
    <w:p w14:paraId="3E0F82DA" w14:textId="77777777" w:rsidR="009C372D" w:rsidRDefault="009C372D" w:rsidP="001D3218">
      <w:pPr>
        <w:jc w:val="both"/>
      </w:pPr>
    </w:p>
    <w:sectPr w:rsidR="009C372D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6" w:h="16838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31BED305" w14:textId="77777777" w:rsidR="00AF220B" w:rsidRDefault="00AF220B" w:rsidP="006F0964">
      <w:r>
        <w:separator/>
      </w:r>
    </w:p>
  </w:endnote>
  <w:endnote w:type="continuationSeparator" w:id="0">
    <w:p w14:paraId="4F6D5577" w14:textId="77777777" w:rsidR="00AF220B" w:rsidRDefault="00AF220B" w:rsidP="006F096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00"/>
    <w:family w:val="swiss"/>
    <w:notTrueType/>
    <w:pitch w:val="variable"/>
    <w:sig w:usb0="00000003" w:usb1="00000000" w:usb2="00000000" w:usb3="00000000" w:csb0="00000001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D6A27E4" w14:textId="77777777" w:rsidR="00685AE2" w:rsidRDefault="00685AE2">
    <w:pPr>
      <w:pStyle w:val="Rodap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C85722E" w14:textId="77777777" w:rsidR="00AC5B47" w:rsidRDefault="00685AE2" w:rsidP="00E54F49">
    <w:pPr>
      <w:pStyle w:val="Rodap"/>
      <w:rPr>
        <w:rFonts w:ascii="Verdana" w:hAnsi="Verdana"/>
        <w:sz w:val="14"/>
      </w:rPr>
    </w:pPr>
    <w:r>
      <w:rPr>
        <w:rFonts w:ascii="Verdana" w:hAnsi="Verdana"/>
        <w:sz w:val="14"/>
      </w:rPr>
      <w:fldChar w:fldCharType="begin"/>
    </w:r>
    <w:r>
      <w:rPr>
        <w:rFonts w:ascii="Verdana" w:hAnsi="Verdana"/>
        <w:sz w:val="14"/>
      </w:rPr>
      <w:instrText xml:space="preserve"> DOCPROPERTY "iManageFooter"  \* MERGEFORMAT </w:instrText>
    </w:r>
    <w:r>
      <w:rPr>
        <w:rFonts w:ascii="Verdana" w:hAnsi="Verdana"/>
        <w:sz w:val="14"/>
      </w:rPr>
      <w:fldChar w:fldCharType="separate"/>
    </w:r>
  </w:p>
  <w:p w14:paraId="11BDB56C" w14:textId="0D7E71A1" w:rsidR="00685AE2" w:rsidRPr="00E54F49" w:rsidRDefault="00AC5B47" w:rsidP="00E54F49">
    <w:pPr>
      <w:pStyle w:val="Rodap"/>
      <w:rPr>
        <w:rFonts w:ascii="Verdana" w:hAnsi="Verdana"/>
        <w:sz w:val="14"/>
      </w:rPr>
    </w:pPr>
    <w:r>
      <w:rPr>
        <w:rFonts w:ascii="Verdana" w:hAnsi="Verdana"/>
        <w:sz w:val="14"/>
      </w:rPr>
      <w:t xml:space="preserve">TEXT - 55305666v2 12261.38 </w:t>
    </w:r>
    <w:r w:rsidR="00685AE2">
      <w:rPr>
        <w:rFonts w:ascii="Verdana" w:hAnsi="Verdana"/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266657E" w14:textId="77777777" w:rsidR="00685AE2" w:rsidRDefault="00685AE2">
    <w:pPr>
      <w:pStyle w:val="Rodap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38BBD49F" w14:textId="77777777" w:rsidR="00AF220B" w:rsidRDefault="00AF220B" w:rsidP="006F0964">
      <w:r>
        <w:separator/>
      </w:r>
    </w:p>
  </w:footnote>
  <w:footnote w:type="continuationSeparator" w:id="0">
    <w:p w14:paraId="4CFCA8CA" w14:textId="77777777" w:rsidR="00AF220B" w:rsidRDefault="00AF220B" w:rsidP="006F0964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B35C921" w14:textId="77777777" w:rsidR="00685AE2" w:rsidRDefault="00685AE2">
    <w:pPr>
      <w:pStyle w:val="Cabealho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D14D5D2" w14:textId="77777777" w:rsidR="00685AE2" w:rsidRDefault="00685AE2">
    <w:pPr>
      <w:pStyle w:val="Cabealho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7F3F5B3" w14:textId="77777777" w:rsidR="00685AE2" w:rsidRDefault="00685AE2">
    <w:pPr>
      <w:pStyle w:val="Cabealho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0D3850FF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0FE748B1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11371237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2329271A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" w15:restartNumberingAfterBreak="0">
    <w:nsid w:val="25CA7FA2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288A6DA3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306A131D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7" w15:restartNumberingAfterBreak="0">
    <w:nsid w:val="336D0E96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34636619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 w15:restartNumberingAfterBreak="0">
    <w:nsid w:val="3B894636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0" w15:restartNumberingAfterBreak="0">
    <w:nsid w:val="3D0F3930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3EF759D1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 w15:restartNumberingAfterBreak="0">
    <w:nsid w:val="4F105A44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3" w15:restartNumberingAfterBreak="0">
    <w:nsid w:val="53BB6D10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12"/>
  </w:num>
  <w:num w:numId="2">
    <w:abstractNumId w:val="10"/>
  </w:num>
  <w:num w:numId="3">
    <w:abstractNumId w:val="8"/>
  </w:num>
  <w:num w:numId="4">
    <w:abstractNumId w:val="0"/>
  </w:num>
  <w:num w:numId="5">
    <w:abstractNumId w:val="4"/>
  </w:num>
  <w:num w:numId="6">
    <w:abstractNumId w:val="13"/>
  </w:num>
  <w:num w:numId="7">
    <w:abstractNumId w:val="5"/>
  </w:num>
  <w:num w:numId="8">
    <w:abstractNumId w:val="7"/>
  </w:num>
  <w:num w:numId="9">
    <w:abstractNumId w:val="3"/>
  </w:num>
  <w:num w:numId="10">
    <w:abstractNumId w:val="9"/>
  </w:num>
  <w:num w:numId="11">
    <w:abstractNumId w:val="1"/>
  </w:num>
  <w:num w:numId="12">
    <w:abstractNumId w:val="11"/>
  </w:num>
  <w:num w:numId="13">
    <w:abstractNumId w:val="2"/>
  </w:num>
  <w:num w:numId="14">
    <w:abstractNumId w:val="6"/>
  </w:num>
  <w:numIdMacAtCleanup w:val="5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defaultTabStop w:val="708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0971B0"/>
    <w:rsid w:val="0001396B"/>
    <w:rsid w:val="0002745E"/>
    <w:rsid w:val="00027791"/>
    <w:rsid w:val="000327E9"/>
    <w:rsid w:val="00050EB4"/>
    <w:rsid w:val="00062808"/>
    <w:rsid w:val="0008040F"/>
    <w:rsid w:val="000971B0"/>
    <w:rsid w:val="00103E27"/>
    <w:rsid w:val="00121BFC"/>
    <w:rsid w:val="00122EEB"/>
    <w:rsid w:val="00154BF8"/>
    <w:rsid w:val="001555CA"/>
    <w:rsid w:val="0017288C"/>
    <w:rsid w:val="00172CA5"/>
    <w:rsid w:val="001774C4"/>
    <w:rsid w:val="001A6A5E"/>
    <w:rsid w:val="001B72A8"/>
    <w:rsid w:val="001D3218"/>
    <w:rsid w:val="001E03A5"/>
    <w:rsid w:val="001F19D6"/>
    <w:rsid w:val="001F5527"/>
    <w:rsid w:val="00212F70"/>
    <w:rsid w:val="0021389C"/>
    <w:rsid w:val="00216CED"/>
    <w:rsid w:val="00263A51"/>
    <w:rsid w:val="00281D92"/>
    <w:rsid w:val="002A581D"/>
    <w:rsid w:val="002C6428"/>
    <w:rsid w:val="002D11B6"/>
    <w:rsid w:val="002F03AD"/>
    <w:rsid w:val="002F574F"/>
    <w:rsid w:val="0031477A"/>
    <w:rsid w:val="00337FBB"/>
    <w:rsid w:val="00387CBF"/>
    <w:rsid w:val="00393FF6"/>
    <w:rsid w:val="00396EFB"/>
    <w:rsid w:val="003A14D0"/>
    <w:rsid w:val="003D288D"/>
    <w:rsid w:val="003E5E3D"/>
    <w:rsid w:val="0042229A"/>
    <w:rsid w:val="004437BA"/>
    <w:rsid w:val="004661AD"/>
    <w:rsid w:val="004709B7"/>
    <w:rsid w:val="004902C6"/>
    <w:rsid w:val="00493852"/>
    <w:rsid w:val="00497F30"/>
    <w:rsid w:val="004A2F84"/>
    <w:rsid w:val="004A3C57"/>
    <w:rsid w:val="004D0341"/>
    <w:rsid w:val="004D485C"/>
    <w:rsid w:val="004D6992"/>
    <w:rsid w:val="004E03BF"/>
    <w:rsid w:val="005019D9"/>
    <w:rsid w:val="00507314"/>
    <w:rsid w:val="0051717C"/>
    <w:rsid w:val="0052508B"/>
    <w:rsid w:val="00534534"/>
    <w:rsid w:val="005411B8"/>
    <w:rsid w:val="00555020"/>
    <w:rsid w:val="005B265D"/>
    <w:rsid w:val="005D6D93"/>
    <w:rsid w:val="005D78CA"/>
    <w:rsid w:val="005F2689"/>
    <w:rsid w:val="0061262B"/>
    <w:rsid w:val="0063413D"/>
    <w:rsid w:val="006418EA"/>
    <w:rsid w:val="00650E74"/>
    <w:rsid w:val="006530E4"/>
    <w:rsid w:val="00656E0A"/>
    <w:rsid w:val="00676B5D"/>
    <w:rsid w:val="00685AE2"/>
    <w:rsid w:val="006B105A"/>
    <w:rsid w:val="006B4A37"/>
    <w:rsid w:val="006C295F"/>
    <w:rsid w:val="006C469E"/>
    <w:rsid w:val="006D1F44"/>
    <w:rsid w:val="006F0964"/>
    <w:rsid w:val="006F633B"/>
    <w:rsid w:val="00702457"/>
    <w:rsid w:val="00707363"/>
    <w:rsid w:val="00716EBA"/>
    <w:rsid w:val="007172AB"/>
    <w:rsid w:val="00733A76"/>
    <w:rsid w:val="00733DC6"/>
    <w:rsid w:val="007474F2"/>
    <w:rsid w:val="00753AFC"/>
    <w:rsid w:val="00755976"/>
    <w:rsid w:val="00764EC0"/>
    <w:rsid w:val="007724C5"/>
    <w:rsid w:val="007733E6"/>
    <w:rsid w:val="00785C35"/>
    <w:rsid w:val="007C7B6B"/>
    <w:rsid w:val="007D6474"/>
    <w:rsid w:val="007F4DBB"/>
    <w:rsid w:val="00803ED0"/>
    <w:rsid w:val="0080530D"/>
    <w:rsid w:val="00806E76"/>
    <w:rsid w:val="00810030"/>
    <w:rsid w:val="00810D05"/>
    <w:rsid w:val="008142D7"/>
    <w:rsid w:val="00817AD0"/>
    <w:rsid w:val="008218CC"/>
    <w:rsid w:val="00826192"/>
    <w:rsid w:val="00836821"/>
    <w:rsid w:val="00841C97"/>
    <w:rsid w:val="00854834"/>
    <w:rsid w:val="008555F8"/>
    <w:rsid w:val="0087050F"/>
    <w:rsid w:val="00877F30"/>
    <w:rsid w:val="008837FC"/>
    <w:rsid w:val="00914B3C"/>
    <w:rsid w:val="00934CF0"/>
    <w:rsid w:val="0093679E"/>
    <w:rsid w:val="00936B85"/>
    <w:rsid w:val="00945C99"/>
    <w:rsid w:val="00950210"/>
    <w:rsid w:val="00966461"/>
    <w:rsid w:val="009668E9"/>
    <w:rsid w:val="00984157"/>
    <w:rsid w:val="009A03D2"/>
    <w:rsid w:val="009A1C5A"/>
    <w:rsid w:val="009A4B64"/>
    <w:rsid w:val="009B3583"/>
    <w:rsid w:val="009B5240"/>
    <w:rsid w:val="009C372D"/>
    <w:rsid w:val="009D4910"/>
    <w:rsid w:val="009D4F98"/>
    <w:rsid w:val="009D7031"/>
    <w:rsid w:val="009E436B"/>
    <w:rsid w:val="009E5732"/>
    <w:rsid w:val="009E64F8"/>
    <w:rsid w:val="009F5832"/>
    <w:rsid w:val="00A1304F"/>
    <w:rsid w:val="00A365DA"/>
    <w:rsid w:val="00A46430"/>
    <w:rsid w:val="00A5420F"/>
    <w:rsid w:val="00A601FB"/>
    <w:rsid w:val="00A67B29"/>
    <w:rsid w:val="00A75728"/>
    <w:rsid w:val="00A8449D"/>
    <w:rsid w:val="00A95E41"/>
    <w:rsid w:val="00AB1C84"/>
    <w:rsid w:val="00AC5B47"/>
    <w:rsid w:val="00AD18DE"/>
    <w:rsid w:val="00AF220B"/>
    <w:rsid w:val="00B1690B"/>
    <w:rsid w:val="00B309E3"/>
    <w:rsid w:val="00B544CA"/>
    <w:rsid w:val="00B54D3D"/>
    <w:rsid w:val="00B66F14"/>
    <w:rsid w:val="00B670B3"/>
    <w:rsid w:val="00B720FA"/>
    <w:rsid w:val="00B770E0"/>
    <w:rsid w:val="00B9258D"/>
    <w:rsid w:val="00BB2F33"/>
    <w:rsid w:val="00BC7A96"/>
    <w:rsid w:val="00C04011"/>
    <w:rsid w:val="00C226E5"/>
    <w:rsid w:val="00C30C3B"/>
    <w:rsid w:val="00C31BAE"/>
    <w:rsid w:val="00C41784"/>
    <w:rsid w:val="00C504AF"/>
    <w:rsid w:val="00C55593"/>
    <w:rsid w:val="00C66423"/>
    <w:rsid w:val="00C773B9"/>
    <w:rsid w:val="00C85B11"/>
    <w:rsid w:val="00CC5C68"/>
    <w:rsid w:val="00CE67CF"/>
    <w:rsid w:val="00CE7AAB"/>
    <w:rsid w:val="00D07221"/>
    <w:rsid w:val="00D20C0D"/>
    <w:rsid w:val="00D20EF9"/>
    <w:rsid w:val="00D318C4"/>
    <w:rsid w:val="00D50222"/>
    <w:rsid w:val="00D75583"/>
    <w:rsid w:val="00D876EF"/>
    <w:rsid w:val="00D951FA"/>
    <w:rsid w:val="00D96A22"/>
    <w:rsid w:val="00DA4467"/>
    <w:rsid w:val="00DC24EC"/>
    <w:rsid w:val="00DE57D5"/>
    <w:rsid w:val="00DF0FE6"/>
    <w:rsid w:val="00DF1EB7"/>
    <w:rsid w:val="00E021D4"/>
    <w:rsid w:val="00E05E97"/>
    <w:rsid w:val="00E14D29"/>
    <w:rsid w:val="00E25C26"/>
    <w:rsid w:val="00E279C3"/>
    <w:rsid w:val="00E461E8"/>
    <w:rsid w:val="00E54F49"/>
    <w:rsid w:val="00E640CC"/>
    <w:rsid w:val="00E84AE6"/>
    <w:rsid w:val="00E85DA6"/>
    <w:rsid w:val="00EA7705"/>
    <w:rsid w:val="00EC0743"/>
    <w:rsid w:val="00ED1523"/>
    <w:rsid w:val="00F04709"/>
    <w:rsid w:val="00F274AB"/>
    <w:rsid w:val="00F27A20"/>
    <w:rsid w:val="00F32169"/>
    <w:rsid w:val="00F422E5"/>
    <w:rsid w:val="00F46A7E"/>
    <w:rsid w:val="00F56D4A"/>
    <w:rsid w:val="00F66EA1"/>
    <w:rsid w:val="00F826BF"/>
    <w:rsid w:val="00F8763C"/>
    <w:rsid w:val="00FA175C"/>
    <w:rsid w:val="00FB35ED"/>
    <w:rsid w:val="00FC3173"/>
    <w:rsid w:val="00FD565F"/>
    <w:rsid w:val="00FF56F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,"/>
  <w:listSeparator w:val=";"/>
  <w14:docId w14:val="2424ECAC"/>
  <w15:chartTrackingRefBased/>
  <w15:docId w15:val="{8F607523-ADCD-4A87-B7FF-37F641E61BC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4"/>
        <w:szCs w:val="24"/>
        <w:lang w:val="pt-BR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PargrafodaLista">
    <w:name w:val="List Paragraph"/>
    <w:basedOn w:val="Normal"/>
    <w:uiPriority w:val="34"/>
    <w:qFormat/>
    <w:rsid w:val="00534534"/>
    <w:pPr>
      <w:ind w:left="720"/>
      <w:contextualSpacing/>
    </w:pPr>
  </w:style>
  <w:style w:type="paragraph" w:styleId="Cabealho">
    <w:name w:val="header"/>
    <w:basedOn w:val="Normal"/>
    <w:link w:val="CabealhoChar"/>
    <w:uiPriority w:val="99"/>
    <w:unhideWhenUsed/>
    <w:rsid w:val="006F0964"/>
    <w:pPr>
      <w:tabs>
        <w:tab w:val="center" w:pos="4513"/>
        <w:tab w:val="right" w:pos="9026"/>
      </w:tabs>
    </w:pPr>
  </w:style>
  <w:style w:type="character" w:customStyle="1" w:styleId="CabealhoChar">
    <w:name w:val="Cabeçalho Char"/>
    <w:basedOn w:val="Fontepargpadro"/>
    <w:link w:val="Cabealho"/>
    <w:uiPriority w:val="99"/>
    <w:rsid w:val="006F0964"/>
  </w:style>
  <w:style w:type="paragraph" w:styleId="Rodap">
    <w:name w:val="footer"/>
    <w:basedOn w:val="Normal"/>
    <w:link w:val="RodapChar"/>
    <w:uiPriority w:val="99"/>
    <w:unhideWhenUsed/>
    <w:rsid w:val="006F0964"/>
    <w:pPr>
      <w:tabs>
        <w:tab w:val="center" w:pos="4513"/>
        <w:tab w:val="right" w:pos="9026"/>
      </w:tabs>
    </w:pPr>
  </w:style>
  <w:style w:type="character" w:customStyle="1" w:styleId="RodapChar">
    <w:name w:val="Rodapé Char"/>
    <w:basedOn w:val="Fontepargpadro"/>
    <w:link w:val="Rodap"/>
    <w:uiPriority w:val="99"/>
    <w:rsid w:val="006F0964"/>
  </w:style>
  <w:style w:type="paragraph" w:styleId="Textodebalo">
    <w:name w:val="Balloon Text"/>
    <w:basedOn w:val="Normal"/>
    <w:link w:val="TextodebaloChar"/>
    <w:uiPriority w:val="99"/>
    <w:semiHidden/>
    <w:unhideWhenUsed/>
    <w:rsid w:val="009A03D2"/>
    <w:rPr>
      <w:rFonts w:ascii="Segoe UI" w:hAnsi="Segoe UI" w:cs="Segoe UI"/>
      <w:sz w:val="18"/>
      <w:szCs w:val="18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9A03D2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Tema do Offic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403</TotalTime>
  <Pages>1</Pages>
  <Words>192</Words>
  <Characters>1040</Characters>
  <Application>Microsoft Office Word</Application>
  <DocSecurity>0</DocSecurity>
  <Lines>8</Lines>
  <Paragraphs>2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230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redcamp Fomento Comercial Eireli</dc:creator>
  <cp:keywords/>
  <dc:description/>
  <cp:lastModifiedBy>Conta da Microsoft</cp:lastModifiedBy>
  <cp:revision>85</cp:revision>
  <cp:lastPrinted>2022-08-25T15:00:00Z</cp:lastPrinted>
  <dcterms:created xsi:type="dcterms:W3CDTF">2021-11-17T21:00:00Z</dcterms:created>
  <dcterms:modified xsi:type="dcterms:W3CDTF">2022-08-26T18:24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_x000d_TEXT - 55305666v2 12261.38 </vt:lpwstr>
  </property>
</Properties>
</file>